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4_県央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8" uniqueCount="340">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郷原医院</t>
    <phoneticPr fontId="3"/>
  </si>
  <si>
    <t>〒694-0024 大田市久利町久利７２６番地４</t>
    <phoneticPr fontId="3"/>
  </si>
  <si>
    <t>〇</t>
  </si>
  <si>
    <t>医療法人</t>
  </si>
  <si>
    <t>内科</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50106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39</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10</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0</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10</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10</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0</v>
      </c>
      <c r="K157" s="99" t="str">
        <f t="shared" ref="K157:K172" si="1">IF(OR(COUNTIF(L157:O157,"未確認")&gt;0,COUNTIF(L157:O157,"*")&gt;0),"※","")</f>
        <v/>
      </c>
      <c r="L157" s="167"/>
      <c r="M157" s="167">
        <v>0</v>
      </c>
      <c r="N157" s="167">
        <v>0</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3</v>
      </c>
      <c r="K159" s="99" t="str">
        <f t="shared" si="1"/>
        <v/>
      </c>
      <c r="L159" s="167"/>
      <c r="M159" s="167">
        <v>0</v>
      </c>
      <c r="N159" s="167">
        <v>3</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0</v>
      </c>
      <c r="K161" s="99" t="str">
        <f t="shared" si="1"/>
        <v/>
      </c>
      <c r="L161" s="167"/>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0</v>
      </c>
      <c r="K163" s="99" t="str">
        <f t="shared" si="1"/>
        <v/>
      </c>
      <c r="L163" s="167"/>
      <c r="M163" s="167">
        <v>0</v>
      </c>
      <c r="N163" s="167">
        <v>0</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1</v>
      </c>
      <c r="K179" s="99" t="str">
        <f>IF(OR(COUNTIF(L179:O179,"未確認")&gt;0,COUNTIF(L179:O179,"*")&gt;0),"※","")</f>
        <v/>
      </c>
      <c r="L179" s="167"/>
      <c r="M179" s="167">
        <v>0</v>
      </c>
      <c r="N179" s="167">
        <v>0</v>
      </c>
      <c r="O179" s="167">
        <v>1</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7</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0</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0</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0</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0</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0</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0</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0</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0</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28</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221</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38</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38</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t="s">
        <v>338</v>
      </c>
      <c r="K329" s="99" t="str">
        <f t="shared" si="3"/>
        <v>※</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v>0</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61</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12</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0</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6:08Z</cp:lastPrinted>
  <dcterms:created xsi:type="dcterms:W3CDTF">2019-03-05T11:12:49Z</dcterms:created>
  <dcterms:modified xsi:type="dcterms:W3CDTF">2021-05-24T00:26:10Z</dcterms:modified>
</cp:coreProperties>
</file>